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39"/>
  </p:notesMasterIdLst>
  <p:handoutMasterIdLst>
    <p:handoutMasterId r:id="rId40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259" r:id="rId16"/>
    <p:sldId id="257" r:id="rId17"/>
    <p:sldId id="258" r:id="rId18"/>
    <p:sldId id="270" r:id="rId19"/>
    <p:sldId id="271" r:id="rId20"/>
    <p:sldId id="305" r:id="rId21"/>
    <p:sldId id="985" r:id="rId22"/>
    <p:sldId id="991" r:id="rId23"/>
    <p:sldId id="308" r:id="rId24"/>
    <p:sldId id="986" r:id="rId25"/>
    <p:sldId id="992" r:id="rId26"/>
    <p:sldId id="993" r:id="rId27"/>
    <p:sldId id="984" r:id="rId28"/>
    <p:sldId id="315" r:id="rId29"/>
    <p:sldId id="987" r:id="rId30"/>
    <p:sldId id="316" r:id="rId31"/>
    <p:sldId id="989" r:id="rId32"/>
    <p:sldId id="317" r:id="rId33"/>
    <p:sldId id="312" r:id="rId34"/>
    <p:sldId id="313" r:id="rId35"/>
    <p:sldId id="302" r:id="rId36"/>
    <p:sldId id="318" r:id="rId37"/>
    <p:sldId id="990" r:id="rId38"/>
  </p:sldIdLst>
  <p:sldSz cx="12192000" cy="6858000"/>
  <p:notesSz cx="6858000" cy="9144000"/>
  <p:embeddedFontLst>
    <p:embeddedFont>
      <p:font typeface="AA Zuehlke" panose="02000503060000020004" pitchFamily="2" charset="0"/>
      <p:regular r:id="rId41"/>
      <p:italic r:id="rId42"/>
    </p:embeddedFont>
    <p:embeddedFont>
      <p:font typeface="AA Zuehlke Medium" panose="02000603060000020004" pitchFamily="2" charset="0"/>
      <p:regular r:id="rId43"/>
      <p:italic r:id="rId44"/>
    </p:embeddedFont>
    <p:embeddedFont>
      <p:font typeface="Calibri" panose="020F0502020204030204" pitchFamily="34" charset="0"/>
      <p:regular r:id="rId45"/>
      <p:bold r:id="rId46"/>
      <p:italic r:id="rId47"/>
      <p:boldItalic r:id="rId48"/>
    </p:embeddedFont>
  </p:embeddedFontLst>
  <p:custDataLst>
    <p:tags r:id="rId49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7" autoAdjust="0"/>
    <p:restoredTop sz="94645" autoAdjust="0"/>
  </p:normalViewPr>
  <p:slideViewPr>
    <p:cSldViewPr showGuides="1">
      <p:cViewPr varScale="1">
        <p:scale>
          <a:sx n="80" d="100"/>
          <a:sy n="80" d="100"/>
        </p:scale>
        <p:origin x="96" y="51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font" Target="fonts/font2.fntdata"/><Relationship Id="rId47" Type="http://schemas.openxmlformats.org/officeDocument/2006/relationships/font" Target="fonts/font7.fntdata"/><Relationship Id="rId50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6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font" Target="fonts/font1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handoutMaster" Target="handoutMasters/handoutMaster1.xml"/><Relationship Id="rId45" Type="http://schemas.openxmlformats.org/officeDocument/2006/relationships/font" Target="fonts/font5.fntdata"/><Relationship Id="rId53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tags" Target="tags/tag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font" Target="fonts/font4.fntdata"/><Relationship Id="rId52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font" Target="fonts/font3.fntdata"/><Relationship Id="rId48" Type="http://schemas.openxmlformats.org/officeDocument/2006/relationships/font" Target="fonts/font8.fntdata"/><Relationship Id="rId8" Type="http://schemas.openxmlformats.org/officeDocument/2006/relationships/customXml" Target="../customXml/item8.xml"/><Relationship Id="rId51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07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07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/>
              <a:t>DEMONSTRIRATI</a:t>
            </a:r>
            <a:endParaRPr lang="de-CH" b="1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12" Type="http://schemas.openxmlformats.org/officeDocument/2006/relationships/image" Target="../media/image33.sv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7.svg"/><Relationship Id="rId11" Type="http://schemas.openxmlformats.org/officeDocument/2006/relationships/image" Target="../media/image32.png"/><Relationship Id="rId5" Type="http://schemas.openxmlformats.org/officeDocument/2006/relationships/image" Target="../media/image26.png"/><Relationship Id="rId10" Type="http://schemas.openxmlformats.org/officeDocument/2006/relationships/image" Target="../media/image31.svg"/><Relationship Id="rId4" Type="http://schemas.openxmlformats.org/officeDocument/2006/relationships/image" Target="../media/image25.svg"/><Relationship Id="rId9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jp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0.svg"/><Relationship Id="rId7" Type="http://schemas.openxmlformats.org/officeDocument/2006/relationships/image" Target="../media/image44.png"/><Relationship Id="rId12" Type="http://schemas.openxmlformats.org/officeDocument/2006/relationships/image" Target="../media/image31.sv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3.png"/><Relationship Id="rId11" Type="http://schemas.openxmlformats.org/officeDocument/2006/relationships/image" Target="../media/image47.png"/><Relationship Id="rId5" Type="http://schemas.openxmlformats.org/officeDocument/2006/relationships/image" Target="../media/image42.svg"/><Relationship Id="rId10" Type="http://schemas.openxmlformats.org/officeDocument/2006/relationships/image" Target="../media/image46.svg"/><Relationship Id="rId4" Type="http://schemas.openxmlformats.org/officeDocument/2006/relationships/image" Target="../media/image41.png"/><Relationship Id="rId9" Type="http://schemas.openxmlformats.org/officeDocument/2006/relationships/image" Target="../media/image45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jp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6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25.svg"/><Relationship Id="rId7" Type="http://schemas.openxmlformats.org/officeDocument/2006/relationships/image" Target="../media/image29.sv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8.png"/><Relationship Id="rId5" Type="http://schemas.openxmlformats.org/officeDocument/2006/relationships/image" Target="../media/image27.svg"/><Relationship Id="rId4" Type="http://schemas.openxmlformats.org/officeDocument/2006/relationships/image" Target="../media/image26.png"/><Relationship Id="rId9" Type="http://schemas.openxmlformats.org/officeDocument/2006/relationships/image" Target="../media/image31.sv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skladišti u bazi 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važi za sve korisnike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5306509" y="1786364"/>
            <a:ext cx="914400" cy="1234003"/>
            <a:chOff x="1819275" y="3210719"/>
            <a:chExt cx="914400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55335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Bob</a:t>
              </a:r>
              <a:endParaRPr lang="en-US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6324908" y="3551378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Alice</a:t>
              </a:r>
              <a:endParaRPr lang="en-US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10026715" y="1807949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6239435" y="2420469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7928591" y="2717867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6947647" y="3636775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7974414" y="2960803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7003795" y="1794983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6927932" y="2645546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8729438" y="3564733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11075542" y="1920848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10879110" y="2148649"/>
            <a:ext cx="401877" cy="1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10845664" y="2306776"/>
            <a:ext cx="414094" cy="459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10053371" y="1287871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Uzroci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690688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sr-Latn-RS" dirty="0"/>
              <a:t> napadaču</a:t>
            </a:r>
            <a:r>
              <a:rPr lang="en-US" dirty="0"/>
              <a:t> (POST </a:t>
            </a:r>
            <a:r>
              <a:rPr lang="en-US" dirty="0" err="1"/>
              <a:t>zahtev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napada</a:t>
            </a:r>
            <a:r>
              <a:rPr lang="sr-Latn-RS" dirty="0"/>
              <a:t>čev server)</a:t>
            </a:r>
            <a:endParaRPr lang="en-US" dirty="0"/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Šta je server sesija korisnika?</a:t>
            </a:r>
          </a:p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strukturu i izgled 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XML elementi i atribute daju instrukcije pretraživač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dinamično menjanje HTML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/>
              <a:t>POST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/>
              <a:t>GET → </a:t>
            </a:r>
            <a:r>
              <a:rPr lang="sr-Latn-RS" dirty="0"/>
              <a:t>vraća podatak pozivaocu</a:t>
            </a:r>
            <a:endParaRPr lang="en-US" dirty="0"/>
          </a:p>
          <a:p>
            <a:r>
              <a:rPr lang="en-US" dirty="0"/>
              <a:t>DELETE → </a:t>
            </a:r>
            <a:r>
              <a:rPr lang="en-US" dirty="0" err="1"/>
              <a:t>bri</a:t>
            </a:r>
            <a:r>
              <a:rPr lang="sr-Latn-RS" dirty="0"/>
              <a:t>š</a:t>
            </a:r>
            <a:r>
              <a:rPr lang="en-US" dirty="0"/>
              <a:t>e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/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i="0" dirty="0" err="1">
                <a:solidFill>
                  <a:srgbClr val="24292F"/>
                </a:solidFill>
                <a:effectLst/>
                <a:latin typeface="-apple-system"/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4761BC-4F7D-7B2E-695B-9DFE807095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000" y="3429000"/>
            <a:ext cx="8585202" cy="10443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Uloge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0426" y="5237410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724400" y="5643447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la</a:t>
            </a:r>
            <a:r>
              <a:rPr lang="sr-Latn-RS" sz="2200" dirty="0" err="1">
                <a:latin typeface="AA Zuehlke" pitchFamily="2" charset="0"/>
              </a:rPr>
              <a:t>ž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8115300" y="5237410"/>
            <a:ext cx="40386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effectLst/>
                <a:latin typeface="Calibri" panose="020F0502020204030204" pitchFamily="34" charset="0"/>
                <a:hlinkClick r:id="rId13"/>
              </a:rPr>
              <a:t>https://securitydemo-server.azurewebsites.net/cookiestealer</a:t>
            </a:r>
            <a:endParaRPr lang="en-US" sz="1200" dirty="0"/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r-Latn-RS"/>
              <a:t>Dozvoliti samo sigurne karaktere kao unos korisnika („whitelist“)</a:t>
            </a:r>
          </a:p>
          <a:p>
            <a:r>
              <a:rPr lang="sr-Latn-RS"/>
              <a:t>„Sanitizacija“ kroz izbacivanje ili zamenu nesigurnih karaktera („blacklist“)</a:t>
            </a:r>
            <a:endParaRPr lang="en-US"/>
          </a:p>
          <a:p>
            <a:r>
              <a:rPr lang="en-US"/>
              <a:t>Kori</a:t>
            </a:r>
            <a:r>
              <a:rPr lang="sr-Latn-RS"/>
              <a:t>šćenje sigurnih </a:t>
            </a:r>
            <a:r>
              <a:rPr lang="en-US"/>
              <a:t>outputting</a:t>
            </a:r>
            <a:r>
              <a:rPr lang="sr-Latn-RS"/>
              <a:t> alata iz frameworka</a:t>
            </a:r>
          </a:p>
          <a:p>
            <a:pPr lvl="1"/>
            <a:endParaRPr lang="sr-Latn-RS"/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77500" lnSpcReduction="20000"/>
          </a:bodyPr>
          <a:lstStyle/>
          <a:p>
            <a:pPr lvl="1"/>
            <a:r>
              <a:rPr lang="sr-Latn-RS" dirty="0"/>
              <a:t>Nesigurni karakteri mogu biti </a:t>
            </a:r>
            <a:r>
              <a:rPr lang="en-US" dirty="0"/>
              <a:t>&lt;, &gt;, ?</a:t>
            </a:r>
            <a:r>
              <a:rPr lang="sr-Latn-RS" dirty="0"/>
              <a:t> itd.</a:t>
            </a:r>
          </a:p>
          <a:p>
            <a:pPr lvl="1"/>
            <a:r>
              <a:rPr lang="sr-Latn-RS" dirty="0"/>
              <a:t>Koristiti samo postojeće biblioteke za sanitizaciju</a:t>
            </a:r>
          </a:p>
          <a:p>
            <a:pPr lvl="1"/>
            <a:r>
              <a:rPr lang="sr-Latn-RS" dirty="0">
                <a:ea typeface="+mn-lt"/>
                <a:cs typeface="+mn-lt"/>
              </a:rPr>
              <a:t>Sanitizacija se uvek radi nad izlaznim podacima</a:t>
            </a:r>
          </a:p>
          <a:p>
            <a:pPr lvl="1"/>
            <a:r>
              <a:rPr lang="sr-Latn-RS" dirty="0"/>
              <a:t>Nikada ne kreirajte svoje sanitizere!</a:t>
            </a:r>
          </a:p>
          <a:p>
            <a:pPr lvl="2"/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/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tag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/>
              <a:t>th:text</a:t>
            </a:r>
            <a:r>
              <a:rPr lang="en-US" dirty="0"/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ra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11E9355-34D8-05BD-1BB1-318D34564F9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7612"/>
            <a:ext cx="12192000" cy="6842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-40293" b="-40293"/>
          <a:stretch/>
        </p:blipFill>
        <p:spPr>
          <a:xfrm>
            <a:off x="502920" y="-533400"/>
            <a:ext cx="11379199" cy="6045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913496" y="2482744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 dirty="0" err="1">
                <a:latin typeface="AA Zuehlke Medium"/>
              </a:rPr>
              <a:t>Consultant</a:t>
            </a:r>
            <a:r>
              <a:rPr lang="sr-Latn-RS" dirty="0">
                <a:latin typeface="AA Zuehlke Medium"/>
              </a:rPr>
              <a:t> </a:t>
            </a:r>
            <a:r>
              <a:rPr lang="sr-Latn-RS" dirty="0" err="1">
                <a:latin typeface="AA Zuehlke Medium"/>
              </a:rPr>
              <a:t>and</a:t>
            </a:r>
            <a:r>
              <a:rPr lang="sr-Latn-RS" dirty="0">
                <a:latin typeface="AA Zuehlke Medium"/>
              </a:rPr>
              <a:t> Partner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913495" y="3031481"/>
            <a:ext cx="8712313" cy="1107996"/>
          </a:xfrm>
        </p:spPr>
        <p:txBody>
          <a:bodyPr/>
          <a:lstStyle/>
          <a:p>
            <a:r>
              <a:rPr lang="sr-Latn-RS" dirty="0"/>
              <a:t>Završio osnovne i specijalističke studije na Visokoj školi elektrotehnike i računarstva</a:t>
            </a:r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  <a:p>
            <a:r>
              <a:rPr lang="sr-Latn-RS" dirty="0"/>
              <a:t>Ekspertize: </a:t>
            </a:r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sr-Latn-RS" sz="1400" dirty="0"/>
              <a:t>i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dirty="0"/>
              <a:t>prikazuju podatke poslate od strane korisnika bez pravilne validacije ili sanitizacije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pretraživač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285403" y="3149000"/>
            <a:ext cx="914400" cy="1234003"/>
            <a:chOff x="1819275" y="3210719"/>
            <a:chExt cx="914400" cy="123400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999796" y="4075390"/>
              <a:ext cx="55335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Bob</a:t>
              </a:r>
              <a:endParaRPr lang="en-US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303802" y="49140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Alice</a:t>
              </a:r>
              <a:endParaRPr lang="en-US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005609" y="31705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218329" y="37831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4907485" y="40805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3926541" y="49994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4953308" y="43234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3982689" y="3157619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1. Napadač šalje zlonamerni script kod</a:t>
            </a:r>
            <a:endParaRPr lang="en-US" sz="140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3906826" y="40081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5782711" y="49746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/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8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Props1.xml><?xml version="1.0" encoding="utf-8"?>
<ds:datastoreItem xmlns:ds="http://schemas.openxmlformats.org/officeDocument/2006/customXml" ds:itemID="{368164A7-F89C-43F0-8856-0052CD65B349}">
  <ds:schemaRefs/>
</ds:datastoreItem>
</file>

<file path=customXml/itemProps2.xml><?xml version="1.0" encoding="utf-8"?>
<ds:datastoreItem xmlns:ds="http://schemas.openxmlformats.org/officeDocument/2006/customXml" ds:itemID="{067CD289-AAE9-47C2-A22E-4A438035E00B}">
  <ds:schemaRefs/>
</ds:datastoreItem>
</file>

<file path=customXml/itemProps3.xml><?xml version="1.0" encoding="utf-8"?>
<ds:datastoreItem xmlns:ds="http://schemas.openxmlformats.org/officeDocument/2006/customXml" ds:itemID="{AD015CC6-9C14-457F-9E53-5CCE035BD8AD}">
  <ds:schemaRefs/>
</ds:datastoreItem>
</file>

<file path=customXml/itemProps4.xml><?xml version="1.0" encoding="utf-8"?>
<ds:datastoreItem xmlns:ds="http://schemas.openxmlformats.org/officeDocument/2006/customXml" ds:itemID="{0AC1D0B4-1DEB-4C0F-978E-5206534EF19E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696AC032-368E-4ED0-A137-1756B573B50A}">
  <ds:schemaRefs/>
</ds:datastoreItem>
</file>

<file path=customXml/itemProps7.xml><?xml version="1.0" encoding="utf-8"?>
<ds:datastoreItem xmlns:ds="http://schemas.openxmlformats.org/officeDocument/2006/customXml" ds:itemID="{9117BA10-B137-4884-BAD1-8347BA164335}">
  <ds:schemaRefs/>
</ds:datastoreItem>
</file>

<file path=customXml/itemProps8.xml><?xml version="1.0" encoding="utf-8"?>
<ds:datastoreItem xmlns:ds="http://schemas.openxmlformats.org/officeDocument/2006/customXml" ds:itemID="{25CE08FD-F7B6-4F54-8EBC-75735FE238C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153</TotalTime>
  <Words>877</Words>
  <Application>Microsoft Office PowerPoint</Application>
  <PresentationFormat>Widescreen</PresentationFormat>
  <Paragraphs>162</Paragraphs>
  <Slides>29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7" baseType="lpstr">
      <vt:lpstr>-apple-system</vt:lpstr>
      <vt:lpstr>AA Zuehlke</vt:lpstr>
      <vt:lpstr>Symbol</vt:lpstr>
      <vt:lpstr>AA Zuehlke Medium</vt:lpstr>
      <vt:lpstr>Courier New</vt:lpstr>
      <vt:lpstr>Arial</vt:lpstr>
      <vt:lpstr>Calibri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Upozorenje</vt:lpstr>
      <vt:lpstr>XSS</vt:lpstr>
      <vt:lpstr>XSS vrste</vt:lpstr>
      <vt:lpstr>Uskladišteni XSS</vt:lpstr>
      <vt:lpstr>Posledice</vt:lpstr>
      <vt:lpstr>Uzroci</vt:lpstr>
      <vt:lpstr>PowerPoint Presentation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Uloge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21</cp:revision>
  <dcterms:created xsi:type="dcterms:W3CDTF">2022-05-07T14:58:19Z</dcterms:created>
  <dcterms:modified xsi:type="dcterms:W3CDTF">2022-05-07T17:34:43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